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60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Sfp.idir.bcgov\s120\S2008\_MCFD Shared Information\_Ministry Wide Share\CLBC Start-Up\PN\CLBC SP Internet\"/>
    </mc:Choice>
  </mc:AlternateContent>
  <xr:revisionPtr revIDLastSave="0" documentId="8_{314933A2-A889-4369-8149-8C96399CDD37}" xr6:coauthVersionLast="47" xr6:coauthVersionMax="47" xr10:uidLastSave="{00000000-0000-0000-0000-000000000000}"/>
  <bookViews>
    <workbookView xWindow="-110" yWindow="-110" windowWidth="19420" windowHeight="10420" tabRatio="559" xr2:uid="{00000000-000D-0000-FFFF-FFFF00000000}"/>
  </bookViews>
  <sheets>
    <sheet name="Header" sheetId="29" r:id="rId1"/>
    <sheet name="Summary" sheetId="30" r:id="rId2"/>
  </sheets>
  <definedNames>
    <definedName name="Grid">#REF!</definedName>
    <definedName name="JobList">#REF!</definedName>
    <definedName name="_xlnm.Print_Area" localSheetId="0">Header!$A$1:$M$4</definedName>
    <definedName name="PTSL">#REF!</definedName>
    <definedName name="ServiceLine">#REF!</definedName>
    <definedName name="Supervisor">#REF!</definedName>
    <definedName name="SupervisorGrid">#REF!</definedName>
    <definedName name="VariableJobList">#REF!</definedName>
  </definedNames>
  <calcPr calcId="0"/>
</workbook>
</file>

<file path=xl/sharedStrings.xml><?xml version="1.0" encoding="utf-8"?>
<sst xmlns="http://schemas.openxmlformats.org/spreadsheetml/2006/main" count="195" uniqueCount="109">
  <si>
    <t>Cost</t>
  </si>
  <si>
    <t>Current Inventory</t>
  </si>
  <si>
    <t>Payment Type</t>
  </si>
  <si>
    <t>Start Date</t>
  </si>
  <si>
    <t>End Date</t>
  </si>
  <si>
    <t>Wage Grid</t>
  </si>
  <si>
    <t>Wages and Benefits Total</t>
  </si>
  <si>
    <t>Direct Program Costs</t>
  </si>
  <si>
    <t>Admin</t>
  </si>
  <si>
    <t>Facilities</t>
  </si>
  <si>
    <t>Other</t>
  </si>
  <si>
    <t>Total Requested</t>
  </si>
  <si>
    <t>Premium / (Gap)</t>
  </si>
  <si>
    <t>Total Provided</t>
  </si>
  <si>
    <t>Fixed</t>
  </si>
  <si>
    <t>Changes</t>
  </si>
  <si>
    <t>Type</t>
  </si>
  <si>
    <t>GAP Phase 1</t>
  </si>
  <si>
    <t>GAP Phase 2</t>
  </si>
  <si>
    <t>GAP Manual</t>
  </si>
  <si>
    <t>Wage Grid Impact</t>
  </si>
  <si>
    <t>VCR / Rate Table Impact</t>
  </si>
  <si>
    <t>Global Uplift</t>
  </si>
  <si>
    <t>Resulting Inventory</t>
  </si>
  <si>
    <t>Effective Date:</t>
  </si>
  <si>
    <t>Please Note:</t>
  </si>
  <si>
    <t>Gap Phase 1 - is Program specific funding GAP utilized</t>
  </si>
  <si>
    <t>Ongoing Funding Change (Fixed):</t>
  </si>
  <si>
    <t>Gap Phase 2 - Service Provider specific GAP adjustment</t>
  </si>
  <si>
    <t>Gap Manual - Additional user edited GAP adjustment</t>
  </si>
  <si>
    <t>Ongoing Funding Change (Variable):</t>
  </si>
  <si>
    <t>Vendor Info</t>
  </si>
  <si>
    <t>Vendor Name:</t>
  </si>
  <si>
    <t>Vendor Test 6</t>
  </si>
  <si>
    <t>OCG Number:</t>
  </si>
  <si>
    <t>001696</t>
  </si>
  <si>
    <t>Primary Address:</t>
  </si>
  <si>
    <t xml:space="preserve"> 123 Main Street, PARKSVILLE, V9P 1H3</t>
  </si>
  <si>
    <t xml:space="preserve">Employer Association: </t>
  </si>
  <si>
    <t>None</t>
  </si>
  <si>
    <t>Vendor Role:</t>
  </si>
  <si>
    <t>Service Provider</t>
  </si>
  <si>
    <t>Program Info</t>
  </si>
  <si>
    <t>Program Name:</t>
  </si>
  <si>
    <t>M3L2A</t>
  </si>
  <si>
    <t>Service Subcategory:</t>
  </si>
  <si>
    <t>Outreach Support</t>
  </si>
  <si>
    <t>Draft Contract Number:</t>
  </si>
  <si>
    <t>3104902.0.0</t>
  </si>
  <si>
    <t>Program Managing QS Area:</t>
  </si>
  <si>
    <t>Upper Fraser</t>
  </si>
  <si>
    <t>Liaison Analyst:</t>
  </si>
  <si>
    <t>Reid, Sue</t>
  </si>
  <si>
    <t>Uplift Info</t>
  </si>
  <si>
    <t>Uplift Effective Date</t>
  </si>
  <si>
    <t>01-Apr-2022</t>
  </si>
  <si>
    <t>Uplift Type</t>
  </si>
  <si>
    <t>Union</t>
  </si>
  <si>
    <t>MPP Contribution %:</t>
  </si>
  <si>
    <t>14.00 %</t>
  </si>
  <si>
    <t>14.50 %</t>
  </si>
  <si>
    <t>MPP Participation %:</t>
  </si>
  <si>
    <t>90.00 %</t>
  </si>
  <si>
    <t>90.50 %</t>
  </si>
  <si>
    <t>LTD %:</t>
  </si>
  <si>
    <t>3.40 %</t>
  </si>
  <si>
    <t>3.50 %</t>
  </si>
  <si>
    <t>EHT %:</t>
  </si>
  <si>
    <t>1.30 %</t>
  </si>
  <si>
    <t>RRSP %:</t>
  </si>
  <si>
    <t>0.00 %</t>
  </si>
  <si>
    <t>CPP %:</t>
  </si>
  <si>
    <t>4.79 %</t>
  </si>
  <si>
    <t>5.05 %</t>
  </si>
  <si>
    <t>EI %:</t>
  </si>
  <si>
    <t>2.08 %</t>
  </si>
  <si>
    <t>WorkSafeBC (Residential) %:</t>
  </si>
  <si>
    <t>2.77 %</t>
  </si>
  <si>
    <t>3.32 %</t>
  </si>
  <si>
    <t>WorkSafeBC (Non-Residential) %:</t>
  </si>
  <si>
    <t>1.40 %</t>
  </si>
  <si>
    <t>1.67 %</t>
  </si>
  <si>
    <t>In Lie Pay For Casual Staff %:</t>
  </si>
  <si>
    <t>10.20 %</t>
  </si>
  <si>
    <t>12.12 %</t>
  </si>
  <si>
    <t>EHC, Dental, Life, And AD &amp; D %:</t>
  </si>
  <si>
    <t>5.48 %</t>
  </si>
  <si>
    <t>5.81 %</t>
  </si>
  <si>
    <t>Vacation:</t>
  </si>
  <si>
    <t>20.10</t>
  </si>
  <si>
    <t>19.60</t>
  </si>
  <si>
    <t>Education &amp; Training:</t>
  </si>
  <si>
    <t>5.74</t>
  </si>
  <si>
    <t>Statutory Holiday:</t>
  </si>
  <si>
    <t>12.00</t>
  </si>
  <si>
    <t>Sick:</t>
  </si>
  <si>
    <t>9.80</t>
  </si>
  <si>
    <t>9.60</t>
  </si>
  <si>
    <t>Sick Pay %:</t>
  </si>
  <si>
    <t>80.00 %</t>
  </si>
  <si>
    <t>Overtime:</t>
  </si>
  <si>
    <t>36.73</t>
  </si>
  <si>
    <t>37.02</t>
  </si>
  <si>
    <t>FTE Hours/Week:</t>
  </si>
  <si>
    <t>40.00</t>
  </si>
  <si>
    <t>Administration %:</t>
  </si>
  <si>
    <t>9.00 %</t>
  </si>
  <si>
    <t>Previous Rates</t>
  </si>
  <si>
    <t>Current Rat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_(* #,##0.00_);_(* \(#,##0.00\);_(* &quot;-&quot;??_);_(@_)"/>
    <numFmt numFmtId="165" formatCode="dd\-mmm\-yyyy"/>
    <numFmt numFmtId="166" formatCode="\$#,##0.00"/>
  </numFmts>
  <fonts count="19" x14ac:knownFonts="1">
    <font>
      <sz val="10"/>
      <name val="Arial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Calibri"/>
      <family val="2"/>
      <scheme val="minor"/>
    </font>
    <font>
      <sz val="10"/>
      <name val="Calibri"/>
      <family val="2"/>
      <scheme val="minor"/>
    </font>
    <font>
      <b/>
      <sz val="11"/>
      <name val="Calibri"/>
      <family val="2"/>
      <scheme val="minor"/>
    </font>
    <font>
      <b/>
      <sz val="13"/>
      <name val="Cambria"/>
      <family val="1"/>
      <scheme val="major"/>
    </font>
    <font>
      <sz val="9"/>
      <name val="Calibri"/>
      <family val="2"/>
      <scheme val="minor"/>
    </font>
    <font>
      <b/>
      <sz val="10"/>
      <color rgb="FFFF0000"/>
      <name val="Calibri"/>
      <family val="2"/>
      <scheme val="minor"/>
    </font>
    <font>
      <sz val="16"/>
      <color rgb="FF0070C0"/>
      <name val="Aharoni"/>
    </font>
    <font>
      <sz val="10"/>
      <color rgb="FFFF0000"/>
      <name val="Arial"/>
      <family val="2"/>
    </font>
    <font>
      <sz val="18"/>
      <color rgb="FFFF0000"/>
      <name val="Arial"/>
      <family val="2"/>
    </font>
    <font>
      <u/>
      <sz val="10"/>
      <name val="Arial"/>
    </font>
    <font>
      <b/>
      <u/>
      <sz val="11"/>
      <name val="Calibri"/>
      <family val="2"/>
      <scheme val="minor"/>
    </font>
    <font>
      <b/>
      <sz val="9"/>
      <color rgb="FFFFFFFF"/>
      <name val="Cambria"/>
    </font>
    <font>
      <b/>
      <sz val="16"/>
      <name val="Arial"/>
    </font>
    <font>
      <b/>
      <sz val="10"/>
      <name val="Arial"/>
    </font>
    <font>
      <b/>
      <sz val="12"/>
      <name val="Arial"/>
    </font>
  </fonts>
  <fills count="7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4682B4"/>
      </patternFill>
    </fill>
    <fill>
      <patternFill patternType="solid">
        <fgColor rgb="FFD3D3D3"/>
      </patternFill>
    </fill>
    <fill>
      <patternFill patternType="solid">
        <fgColor rgb="FFB0C4DE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5">
    <xf numFmtId="0" fontId="0" fillId="0" borderId="0"/>
    <xf numFmtId="164" fontId="2" fillId="0" borderId="0"/>
    <xf numFmtId="0" fontId="2" fillId="0" borderId="0"/>
    <xf numFmtId="0" fontId="1" fillId="0" borderId="0"/>
    <xf numFmtId="9" fontId="2" fillId="0" borderId="0"/>
  </cellStyleXfs>
  <cellXfs count="40">
    <xf numFmtId="0" fontId="0" fillId="0" borderId="0" xfId="0"/>
    <xf numFmtId="0" fontId="5" fillId="0" borderId="0" xfId="0" applyFont="1"/>
    <xf numFmtId="0" fontId="4" fillId="0" borderId="0" xfId="0" applyFont="1"/>
    <xf numFmtId="0" fontId="9" fillId="0" borderId="0" xfId="0" applyFont="1"/>
    <xf numFmtId="0" fontId="0" fillId="2" borderId="0" xfId="0" applyFill="1"/>
    <xf numFmtId="0" fontId="5" fillId="3" borderId="0" xfId="0" applyFont="1" applyFill="1" applyAlignment="1">
      <alignment horizontal="left"/>
    </xf>
    <xf numFmtId="0" fontId="5" fillId="3" borderId="0" xfId="0" applyFont="1" applyFill="1"/>
    <xf numFmtId="0" fontId="4" fillId="0" borderId="0" xfId="0" quotePrefix="1" applyFont="1" applyAlignment="1">
      <alignment horizontal="left"/>
    </xf>
    <xf numFmtId="0" fontId="11" fillId="0" borderId="0" xfId="0" applyFont="1"/>
    <xf numFmtId="0" fontId="13" fillId="0" borderId="0" xfId="0" applyFont="1"/>
    <xf numFmtId="0" fontId="5" fillId="3" borderId="0" xfId="0" applyFont="1" applyFill="1" applyAlignment="1" applyProtection="1">
      <alignment horizontal="left"/>
      <protection locked="0"/>
    </xf>
    <xf numFmtId="2" fontId="5" fillId="3" borderId="0" xfId="0" applyNumberFormat="1" applyFont="1" applyFill="1" applyAlignment="1" applyProtection="1">
      <alignment horizontal="left"/>
      <protection locked="0"/>
    </xf>
    <xf numFmtId="0" fontId="12" fillId="0" borderId="0" xfId="0" applyFont="1"/>
    <xf numFmtId="0" fontId="4" fillId="0" borderId="0" xfId="0" applyFont="1" applyAlignment="1">
      <alignment horizontal="left"/>
    </xf>
    <xf numFmtId="0" fontId="6" fillId="0" borderId="0" xfId="0" applyFont="1" applyAlignment="1">
      <alignment horizontal="left" vertical="center" wrapText="1"/>
    </xf>
    <xf numFmtId="0" fontId="14" fillId="0" borderId="0" xfId="0" applyFont="1" applyAlignment="1">
      <alignment horizontal="left" vertical="center" wrapText="1"/>
    </xf>
    <xf numFmtId="15" fontId="5" fillId="3" borderId="0" xfId="0" applyNumberFormat="1" applyFont="1" applyFill="1" applyAlignment="1" applyProtection="1">
      <alignment horizontal="left"/>
      <protection locked="0"/>
    </xf>
    <xf numFmtId="49" fontId="5" fillId="3" borderId="0" xfId="0" applyNumberFormat="1" applyFont="1" applyFill="1" applyAlignment="1" applyProtection="1">
      <alignment horizontal="left"/>
      <protection locked="0"/>
    </xf>
    <xf numFmtId="15" fontId="5" fillId="3" borderId="0" xfId="0" applyNumberFormat="1" applyFont="1" applyFill="1" applyAlignment="1">
      <alignment horizontal="left"/>
    </xf>
    <xf numFmtId="0" fontId="14" fillId="0" borderId="0" xfId="0" applyFont="1"/>
    <xf numFmtId="10" fontId="3" fillId="0" borderId="0" xfId="0" applyNumberFormat="1" applyFont="1"/>
    <xf numFmtId="0" fontId="0" fillId="0" borderId="0" xfId="0" applyAlignment="1">
      <alignment vertical="center" wrapText="1"/>
    </xf>
    <xf numFmtId="10" fontId="0" fillId="0" borderId="0" xfId="0" applyNumberFormat="1"/>
    <xf numFmtId="2" fontId="0" fillId="0" borderId="0" xfId="0" applyNumberFormat="1"/>
    <xf numFmtId="0" fontId="8" fillId="0" borderId="0" xfId="0" applyFont="1" applyAlignment="1">
      <alignment horizontal="center"/>
    </xf>
    <xf numFmtId="0" fontId="10" fillId="0" borderId="0" xfId="0" applyFont="1" applyAlignment="1">
      <alignment horizontal="center"/>
    </xf>
    <xf numFmtId="0" fontId="7" fillId="0" borderId="0" xfId="0" applyFont="1" applyAlignment="1">
      <alignment horizontal="center"/>
    </xf>
    <xf numFmtId="0" fontId="16" fillId="0" borderId="0" xfId="0" applyFont="1"/>
    <xf numFmtId="0" fontId="17" fillId="5" borderId="1" xfId="0" applyFont="1" applyFill="1" applyBorder="1" applyAlignment="1">
      <alignment horizontal="left" vertical="center" wrapText="1"/>
    </xf>
    <xf numFmtId="0" fontId="0" fillId="6" borderId="1" xfId="0" applyFill="1" applyBorder="1" applyAlignment="1">
      <alignment horizontal="right"/>
    </xf>
    <xf numFmtId="165" fontId="0" fillId="6" borderId="1" xfId="0" applyNumberFormat="1" applyFill="1" applyBorder="1" applyAlignment="1">
      <alignment horizontal="right"/>
    </xf>
    <xf numFmtId="166" fontId="0" fillId="6" borderId="1" xfId="0" applyNumberFormat="1" applyFill="1" applyBorder="1" applyAlignment="1">
      <alignment horizontal="right"/>
    </xf>
    <xf numFmtId="0" fontId="17" fillId="5" borderId="1" xfId="0" applyFont="1" applyFill="1" applyBorder="1" applyAlignment="1">
      <alignment horizontal="left"/>
    </xf>
    <xf numFmtId="0" fontId="18" fillId="0" borderId="0" xfId="0" applyFont="1"/>
    <xf numFmtId="0" fontId="15" fillId="4" borderId="0" xfId="0" applyFont="1" applyFill="1" applyAlignment="1">
      <alignment horizontal="center" wrapText="1"/>
    </xf>
    <xf numFmtId="0" fontId="4" fillId="0" borderId="0" xfId="0" applyFont="1" applyAlignment="1">
      <alignment horizontal="left"/>
    </xf>
    <xf numFmtId="0" fontId="5" fillId="3" borderId="0" xfId="0" applyFont="1" applyFill="1" applyAlignment="1" applyProtection="1">
      <alignment horizontal="left"/>
      <protection locked="0"/>
    </xf>
    <xf numFmtId="49" fontId="5" fillId="3" borderId="0" xfId="0" applyNumberFormat="1" applyFont="1" applyFill="1" applyAlignment="1" applyProtection="1">
      <alignment horizontal="left"/>
      <protection locked="0"/>
    </xf>
    <xf numFmtId="2" fontId="5" fillId="3" borderId="0" xfId="0" applyNumberFormat="1" applyFont="1" applyFill="1" applyAlignment="1" applyProtection="1">
      <alignment horizontal="left"/>
      <protection locked="0"/>
    </xf>
    <xf numFmtId="15" fontId="5" fillId="3" borderId="0" xfId="0" applyNumberFormat="1" applyFont="1" applyFill="1" applyAlignment="1" applyProtection="1">
      <alignment horizontal="left"/>
      <protection locked="0"/>
    </xf>
  </cellXfs>
  <cellStyles count="5">
    <cellStyle name="Comma 2" xfId="1" xr:uid="{00000000-0005-0000-0000-000000000000}"/>
    <cellStyle name="Normal" xfId="0" builtinId="0"/>
    <cellStyle name="Normal 2" xfId="2" xr:uid="{00000000-0005-0000-0000-000002000000}"/>
    <cellStyle name="Normal 3" xfId="3" xr:uid="{00000000-0005-0000-0000-000003000000}"/>
    <cellStyle name="Percent 2" xfId="4" xr:uid="{00000000-0005-0000-0000-000004000000}"/>
  </cellStyles>
  <dxfs count="0"/>
  <tableStyles count="0" defaultTableStyle="TableStyleMedium9" defaultPivotStyle="PivotStyleLight16"/>
  <colors>
    <mruColors>
      <color rgb="FFFFC7CE"/>
      <color rgb="FFFFFFCC"/>
      <color rgb="FFCCFFCC"/>
      <color rgb="FF9C0006"/>
      <color rgb="FFFFFFC5"/>
      <color rgb="FF0066FF"/>
      <color rgb="FF00FFFF"/>
      <color rgb="FFFF0000"/>
      <color rgb="FFFF00FF"/>
      <color rgb="FFCCE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</xdr:colOff>
      <xdr:row>0</xdr:row>
      <xdr:rowOff>0</xdr:rowOff>
    </xdr:from>
    <xdr:to>
      <xdr:col>1</xdr:col>
      <xdr:colOff>1009650</xdr:colOff>
      <xdr:row>2</xdr:row>
      <xdr:rowOff>190500</xdr:rowOff>
    </xdr:to>
    <xdr:pic>
      <xdr:nvPicPr>
        <xdr:cNvPr id="4" name="Logo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xfrm>
          <a:off x="1" y="0"/>
          <a:ext cx="1219200" cy="605563"/>
        </a:xfrm>
        <a:prstGeom prst="rect">
          <a:avLst/>
        </a:prstGeom>
      </xdr:spPr>
    </xdr:pic>
    <xdr:clientData/>
  </xdr:twoCellAnchor>
  <xdr:twoCellAnchor>
    <xdr:from>
      <xdr:col>4</xdr:col>
      <xdr:colOff>15240</xdr:colOff>
      <xdr:row>10</xdr:row>
      <xdr:rowOff>106680</xdr:rowOff>
    </xdr:from>
    <xdr:to>
      <xdr:col>5</xdr:col>
      <xdr:colOff>38100</xdr:colOff>
      <xdr:row>14</xdr:row>
      <xdr:rowOff>2286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59EDE400-0F56-4D5A-BF27-5B943F821067}"/>
            </a:ext>
          </a:extLst>
        </xdr:cNvPr>
        <xdr:cNvSpPr txBox="1"/>
      </xdr:nvSpPr>
      <xdr:spPr>
        <a:xfrm>
          <a:off x="2926080" y="2072640"/>
          <a:ext cx="1226820" cy="678180"/>
        </a:xfrm>
        <a:prstGeom prst="wedgeRoundRectCallout">
          <a:avLst>
            <a:gd name="adj1" fmla="val -75829"/>
            <a:gd name="adj2" fmla="val 29977"/>
            <a:gd name="adj3" fmla="val 16667"/>
          </a:avLst>
        </a:prstGeom>
        <a:solidFill>
          <a:schemeClr val="tx2">
            <a:lumMod val="20000"/>
            <a:lumOff val="80000"/>
          </a:schemeClr>
        </a:solidFill>
        <a:ln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lang="en-CA" sz="1600"/>
            <a:t>Uplifted Program</a:t>
          </a:r>
        </a:p>
      </xdr:txBody>
    </xdr:sp>
    <xdr:clientData/>
  </xdr:twoCellAnchor>
  <xdr:twoCellAnchor>
    <xdr:from>
      <xdr:col>4</xdr:col>
      <xdr:colOff>38100</xdr:colOff>
      <xdr:row>15</xdr:row>
      <xdr:rowOff>53340</xdr:rowOff>
    </xdr:from>
    <xdr:to>
      <xdr:col>5</xdr:col>
      <xdr:colOff>60960</xdr:colOff>
      <xdr:row>19</xdr:row>
      <xdr:rowOff>1524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8FFB0629-E62F-4B69-8053-120022EAB247}"/>
            </a:ext>
          </a:extLst>
        </xdr:cNvPr>
        <xdr:cNvSpPr txBox="1"/>
      </xdr:nvSpPr>
      <xdr:spPr>
        <a:xfrm>
          <a:off x="2948940" y="2971800"/>
          <a:ext cx="1226820" cy="678180"/>
        </a:xfrm>
        <a:prstGeom prst="wedgeRoundRectCallout">
          <a:avLst>
            <a:gd name="adj1" fmla="val -64648"/>
            <a:gd name="adj2" fmla="val -44181"/>
            <a:gd name="adj3" fmla="val 16667"/>
          </a:avLst>
        </a:prstGeom>
        <a:solidFill>
          <a:schemeClr val="tx2">
            <a:lumMod val="20000"/>
            <a:lumOff val="80000"/>
          </a:schemeClr>
        </a:solidFill>
        <a:ln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lang="en-CA" sz="1600"/>
            <a:t>Contract Number</a:t>
          </a:r>
        </a:p>
      </xdr:txBody>
    </xdr:sp>
    <xdr:clientData/>
  </xdr:twoCellAnchor>
  <xdr:twoCellAnchor>
    <xdr:from>
      <xdr:col>2</xdr:col>
      <xdr:colOff>464820</xdr:colOff>
      <xdr:row>26</xdr:row>
      <xdr:rowOff>7620</xdr:rowOff>
    </xdr:from>
    <xdr:to>
      <xdr:col>4</xdr:col>
      <xdr:colOff>160020</xdr:colOff>
      <xdr:row>43</xdr:row>
      <xdr:rowOff>160020</xdr:rowOff>
    </xdr:to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62ECFF8B-BFD6-491F-9CB0-3032F5269C3E}"/>
            </a:ext>
          </a:extLst>
        </xdr:cNvPr>
        <xdr:cNvSpPr txBox="1"/>
      </xdr:nvSpPr>
      <xdr:spPr>
        <a:xfrm>
          <a:off x="1844040" y="4884420"/>
          <a:ext cx="1226820" cy="678180"/>
        </a:xfrm>
        <a:prstGeom prst="wedgeRoundRectCallout">
          <a:avLst>
            <a:gd name="adj1" fmla="val -67133"/>
            <a:gd name="adj2" fmla="val 28853"/>
            <a:gd name="adj3" fmla="val 16667"/>
          </a:avLst>
        </a:prstGeom>
        <a:solidFill>
          <a:schemeClr val="tx2">
            <a:lumMod val="20000"/>
            <a:lumOff val="80000"/>
          </a:schemeClr>
        </a:solidFill>
        <a:ln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lang="en-CA" sz="1600"/>
            <a:t>Pre-Uplift Rates</a:t>
          </a:r>
        </a:p>
      </xdr:txBody>
    </xdr:sp>
    <xdr:clientData/>
  </xdr:twoCellAnchor>
  <xdr:twoCellAnchor>
    <xdr:from>
      <xdr:col>4</xdr:col>
      <xdr:colOff>563880</xdr:colOff>
      <xdr:row>19</xdr:row>
      <xdr:rowOff>68580</xdr:rowOff>
    </xdr:from>
    <xdr:to>
      <xdr:col>5</xdr:col>
      <xdr:colOff>586740</xdr:colOff>
      <xdr:row>23</xdr:row>
      <xdr:rowOff>38100</xdr:rowOff>
    </xdr:to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974E3505-1092-4193-BFA8-CAAB1ED6175F}"/>
            </a:ext>
          </a:extLst>
        </xdr:cNvPr>
        <xdr:cNvSpPr txBox="1"/>
      </xdr:nvSpPr>
      <xdr:spPr>
        <a:xfrm>
          <a:off x="3474720" y="3703320"/>
          <a:ext cx="1226820" cy="678180"/>
        </a:xfrm>
        <a:prstGeom prst="wedgeRoundRectCallout">
          <a:avLst>
            <a:gd name="adj1" fmla="val 8643"/>
            <a:gd name="adj2" fmla="val 68179"/>
            <a:gd name="adj3" fmla="val 16667"/>
          </a:avLst>
        </a:prstGeom>
        <a:solidFill>
          <a:schemeClr val="tx2">
            <a:lumMod val="20000"/>
            <a:lumOff val="80000"/>
          </a:schemeClr>
        </a:solidFill>
        <a:ln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lang="en-CA" sz="1600"/>
            <a:t>Post-Uplift Rates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1</xdr:col>
      <xdr:colOff>123825</xdr:colOff>
      <xdr:row>2</xdr:row>
      <xdr:rowOff>171450</xdr:rowOff>
    </xdr:to>
    <xdr:pic>
      <xdr:nvPicPr>
        <xdr:cNvPr id="2" name="Logo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xfrm>
          <a:off x="0" y="0"/>
          <a:ext cx="1257300" cy="624487"/>
        </a:xfrm>
        <a:prstGeom prst="rect">
          <a:avLst/>
        </a:prstGeom>
      </xdr:spPr>
    </xdr:pic>
    <xdr:clientData/>
  </xdr:twoCellAnchor>
  <xdr:twoCellAnchor>
    <xdr:from>
      <xdr:col>3</xdr:col>
      <xdr:colOff>274320</xdr:colOff>
      <xdr:row>17</xdr:row>
      <xdr:rowOff>91440</xdr:rowOff>
    </xdr:from>
    <xdr:to>
      <xdr:col>4</xdr:col>
      <xdr:colOff>205740</xdr:colOff>
      <xdr:row>21</xdr:row>
      <xdr:rowOff>6096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D69F3B4-B70B-FC92-EBB0-723FFE77C7F9}"/>
            </a:ext>
          </a:extLst>
        </xdr:cNvPr>
        <xdr:cNvSpPr txBox="1"/>
      </xdr:nvSpPr>
      <xdr:spPr>
        <a:xfrm>
          <a:off x="4671060" y="3436620"/>
          <a:ext cx="1226820" cy="701040"/>
        </a:xfrm>
        <a:prstGeom prst="wedgeRoundRectCallout">
          <a:avLst>
            <a:gd name="adj1" fmla="val -66512"/>
            <a:gd name="adj2" fmla="val -23956"/>
            <a:gd name="adj3" fmla="val 16667"/>
          </a:avLst>
        </a:prstGeom>
        <a:solidFill>
          <a:schemeClr val="tx2">
            <a:lumMod val="20000"/>
            <a:lumOff val="80000"/>
          </a:schemeClr>
        </a:solidFill>
        <a:ln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lang="en-CA" sz="1600"/>
            <a:t>Summary of Changes</a:t>
          </a:r>
        </a:p>
      </xdr:txBody>
    </xdr:sp>
    <xdr:clientData/>
  </xdr:twoCellAnchor>
  <xdr:twoCellAnchor>
    <xdr:from>
      <xdr:col>10</xdr:col>
      <xdr:colOff>899160</xdr:colOff>
      <xdr:row>1</xdr:row>
      <xdr:rowOff>15240</xdr:rowOff>
    </xdr:from>
    <xdr:to>
      <xdr:col>11</xdr:col>
      <xdr:colOff>861060</xdr:colOff>
      <xdr:row>3</xdr:row>
      <xdr:rowOff>175260</xdr:rowOff>
    </xdr:to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361EAB97-04FD-4AC3-9E31-1758F35D71E7}"/>
            </a:ext>
          </a:extLst>
        </xdr:cNvPr>
        <xdr:cNvSpPr txBox="1"/>
      </xdr:nvSpPr>
      <xdr:spPr>
        <a:xfrm>
          <a:off x="13426440" y="182880"/>
          <a:ext cx="1226820" cy="678180"/>
        </a:xfrm>
        <a:prstGeom prst="wedgeRoundRectCallout">
          <a:avLst>
            <a:gd name="adj1" fmla="val 21687"/>
            <a:gd name="adj2" fmla="val 73797"/>
            <a:gd name="adj3" fmla="val 16667"/>
          </a:avLst>
        </a:prstGeom>
        <a:solidFill>
          <a:schemeClr val="tx2">
            <a:lumMod val="20000"/>
            <a:lumOff val="80000"/>
          </a:schemeClr>
        </a:solidFill>
        <a:ln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lang="en-CA" sz="1600"/>
            <a:t>Pre-Uplift Funding</a:t>
          </a:r>
        </a:p>
      </xdr:txBody>
    </xdr:sp>
    <xdr:clientData/>
  </xdr:twoCellAnchor>
  <xdr:twoCellAnchor>
    <xdr:from>
      <xdr:col>10</xdr:col>
      <xdr:colOff>762000</xdr:colOff>
      <xdr:row>11</xdr:row>
      <xdr:rowOff>30480</xdr:rowOff>
    </xdr:from>
    <xdr:to>
      <xdr:col>12</xdr:col>
      <xdr:colOff>342900</xdr:colOff>
      <xdr:row>13</xdr:row>
      <xdr:rowOff>7620</xdr:rowOff>
    </xdr:to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BA742A63-97CA-4EA0-8F61-0F5317D4481C}"/>
            </a:ext>
          </a:extLst>
        </xdr:cNvPr>
        <xdr:cNvSpPr txBox="1"/>
      </xdr:nvSpPr>
      <xdr:spPr>
        <a:xfrm>
          <a:off x="13289280" y="2240280"/>
          <a:ext cx="1828800" cy="411480"/>
        </a:xfrm>
        <a:prstGeom prst="wedgeRoundRectCallout">
          <a:avLst>
            <a:gd name="adj1" fmla="val -8127"/>
            <a:gd name="adj2" fmla="val 72673"/>
            <a:gd name="adj3" fmla="val 16667"/>
          </a:avLst>
        </a:prstGeom>
        <a:solidFill>
          <a:schemeClr val="tx2">
            <a:lumMod val="20000"/>
            <a:lumOff val="80000"/>
          </a:schemeClr>
        </a:solidFill>
        <a:ln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lang="en-CA" sz="1600"/>
            <a:t>Post-Uplift Funding</a:t>
          </a:r>
        </a:p>
      </xdr:txBody>
    </xdr:sp>
    <xdr:clientData/>
  </xdr:twoCellAnchor>
  <xdr:twoCellAnchor>
    <xdr:from>
      <xdr:col>10</xdr:col>
      <xdr:colOff>510540</xdr:colOff>
      <xdr:row>7</xdr:row>
      <xdr:rowOff>30480</xdr:rowOff>
    </xdr:from>
    <xdr:to>
      <xdr:col>12</xdr:col>
      <xdr:colOff>91440</xdr:colOff>
      <xdr:row>9</xdr:row>
      <xdr:rowOff>7620</xdr:rowOff>
    </xdr:to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A90EA204-6231-4203-9EDF-6314E154A998}"/>
            </a:ext>
          </a:extLst>
        </xdr:cNvPr>
        <xdr:cNvSpPr txBox="1"/>
      </xdr:nvSpPr>
      <xdr:spPr>
        <a:xfrm>
          <a:off x="13037820" y="1470660"/>
          <a:ext cx="1828800" cy="411480"/>
        </a:xfrm>
        <a:prstGeom prst="wedgeRoundRectCallout">
          <a:avLst>
            <a:gd name="adj1" fmla="val -8127"/>
            <a:gd name="adj2" fmla="val 72673"/>
            <a:gd name="adj3" fmla="val 16667"/>
          </a:avLst>
        </a:prstGeom>
        <a:solidFill>
          <a:schemeClr val="tx2">
            <a:lumMod val="20000"/>
            <a:lumOff val="80000"/>
          </a:schemeClr>
        </a:solidFill>
        <a:ln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lang="en-CA" sz="1600"/>
            <a:t>Change in Funding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5">
    <pageSetUpPr fitToPage="1"/>
  </sheetPr>
  <dimension ref="A1:Y821"/>
  <sheetViews>
    <sheetView showGridLines="0" tabSelected="1" zoomScaleNormal="100" workbookViewId="0">
      <pane ySplit="3" topLeftCell="A4" activePane="bottomLeft" state="frozen"/>
      <selection activeCell="A5" sqref="A5"/>
      <selection pane="bottomLeft"/>
    </sheetView>
  </sheetViews>
  <sheetFormatPr defaultColWidth="9.08984375" defaultRowHeight="12.5" x14ac:dyDescent="0.25"/>
  <cols>
    <col min="1" max="1" width="3.08984375" customWidth="1"/>
    <col min="2" max="2" width="17" customWidth="1"/>
    <col min="3" max="3" width="8.90625" customWidth="1"/>
    <col min="4" max="4" width="13.453125" customWidth="1"/>
    <col min="5" max="5" width="17.54296875" bestFit="1" customWidth="1"/>
    <col min="6" max="6" width="13" customWidth="1"/>
    <col min="7" max="7" width="11.08984375" customWidth="1"/>
    <col min="8" max="8" width="10" customWidth="1"/>
    <col min="9" max="9" width="11.453125" customWidth="1"/>
    <col min="10" max="10" width="13.08984375" customWidth="1"/>
    <col min="11" max="11" width="4.36328125" customWidth="1"/>
    <col min="12" max="12" width="16.08984375" customWidth="1"/>
    <col min="13" max="13" width="3.453125" customWidth="1"/>
    <col min="14" max="17" width="9.08984375" customWidth="1"/>
    <col min="18" max="18" width="9.6328125" bestFit="1" customWidth="1"/>
    <col min="19" max="20" width="9.08984375" customWidth="1"/>
  </cols>
  <sheetData>
    <row r="1" spans="1:18" s="1" customFormat="1" ht="13" x14ac:dyDescent="0.3">
      <c r="A1" s="24"/>
      <c r="B1" s="24"/>
      <c r="C1" s="24"/>
      <c r="D1" s="24"/>
      <c r="E1" s="24"/>
      <c r="F1" s="24"/>
      <c r="G1" s="24"/>
      <c r="H1" s="24"/>
      <c r="I1" s="24"/>
      <c r="J1" s="24"/>
      <c r="K1" s="24"/>
      <c r="L1" s="24"/>
      <c r="M1" s="24"/>
    </row>
    <row r="2" spans="1:18" s="1" customFormat="1" ht="20.5" x14ac:dyDescent="0.45">
      <c r="A2" s="25"/>
      <c r="B2" s="25"/>
      <c r="C2" s="25"/>
      <c r="D2" s="25"/>
      <c r="E2" s="25"/>
      <c r="F2" s="25"/>
      <c r="G2" s="25"/>
      <c r="H2" s="25"/>
      <c r="I2" s="25"/>
      <c r="J2" s="25"/>
      <c r="K2" s="25"/>
      <c r="L2" s="25"/>
      <c r="M2" s="25"/>
    </row>
    <row r="3" spans="1:18" s="1" customFormat="1" ht="16.5" x14ac:dyDescent="0.35">
      <c r="A3" s="26"/>
      <c r="B3" s="26"/>
      <c r="C3" s="26"/>
      <c r="D3" s="26"/>
      <c r="E3" s="26"/>
      <c r="F3" s="26"/>
      <c r="G3" s="26"/>
      <c r="H3" s="26"/>
      <c r="I3" s="26"/>
      <c r="J3" s="26"/>
      <c r="K3" s="26"/>
      <c r="L3" s="26"/>
      <c r="M3" s="26"/>
    </row>
    <row r="4" spans="1:18" x14ac:dyDescent="0.25">
      <c r="A4" s="34"/>
      <c r="B4" s="34" t="s">
        <v>0</v>
      </c>
      <c r="C4" s="34" t="s">
        <v>0</v>
      </c>
      <c r="D4" s="34" t="s">
        <v>0</v>
      </c>
      <c r="E4" s="34" t="s">
        <v>0</v>
      </c>
      <c r="F4" s="34" t="s">
        <v>0</v>
      </c>
      <c r="G4" s="34" t="s">
        <v>0</v>
      </c>
      <c r="H4" s="34" t="s">
        <v>0</v>
      </c>
      <c r="I4" s="34" t="s">
        <v>0</v>
      </c>
      <c r="J4" s="34" t="s">
        <v>0</v>
      </c>
      <c r="K4" s="34" t="s">
        <v>0</v>
      </c>
      <c r="L4" s="34" t="s">
        <v>0</v>
      </c>
      <c r="M4" s="34" t="s">
        <v>0</v>
      </c>
      <c r="N4" s="34" t="s">
        <v>0</v>
      </c>
      <c r="O4" s="34" t="s">
        <v>0</v>
      </c>
      <c r="P4" s="34" t="s">
        <v>0</v>
      </c>
      <c r="Q4" s="34" t="s">
        <v>0</v>
      </c>
      <c r="R4" s="34" t="s">
        <v>0</v>
      </c>
    </row>
    <row r="5" spans="1:18" s="1" customFormat="1" ht="15" customHeight="1" x14ac:dyDescent="0.3"/>
    <row r="6" spans="1:18" s="1" customFormat="1" ht="15" customHeight="1" x14ac:dyDescent="0.3">
      <c r="A6" s="14"/>
      <c r="B6" s="15" t="s">
        <v>31</v>
      </c>
      <c r="C6" s="14"/>
      <c r="D6" s="14"/>
      <c r="E6" s="14"/>
      <c r="F6" s="14"/>
      <c r="G6" s="14"/>
      <c r="H6" s="14"/>
      <c r="I6" s="14"/>
      <c r="J6" s="14"/>
      <c r="K6" s="14"/>
      <c r="L6" s="14"/>
    </row>
    <row r="7" spans="1:18" s="1" customFormat="1" ht="15" customHeight="1" x14ac:dyDescent="0.3">
      <c r="B7" s="35" t="s">
        <v>32</v>
      </c>
      <c r="C7" s="35"/>
      <c r="D7" s="36" t="s">
        <v>33</v>
      </c>
      <c r="E7" s="36"/>
      <c r="F7" s="36"/>
    </row>
    <row r="8" spans="1:18" s="1" customFormat="1" ht="15" customHeight="1" x14ac:dyDescent="0.3">
      <c r="B8" s="35" t="s">
        <v>34</v>
      </c>
      <c r="C8" s="35"/>
      <c r="D8" s="36" t="s">
        <v>35</v>
      </c>
      <c r="E8" s="37"/>
      <c r="F8" s="37"/>
    </row>
    <row r="9" spans="1:18" s="1" customFormat="1" ht="15" customHeight="1" x14ac:dyDescent="0.3">
      <c r="B9" s="35" t="s">
        <v>36</v>
      </c>
      <c r="C9" s="35"/>
      <c r="D9" s="38" t="s">
        <v>37</v>
      </c>
      <c r="E9" s="38"/>
      <c r="F9" s="38"/>
    </row>
    <row r="10" spans="1:18" s="1" customFormat="1" ht="15" customHeight="1" x14ac:dyDescent="0.3">
      <c r="B10" s="35" t="s">
        <v>38</v>
      </c>
      <c r="C10" s="35"/>
      <c r="D10" s="38" t="s">
        <v>39</v>
      </c>
      <c r="E10" s="38"/>
      <c r="F10" s="38"/>
    </row>
    <row r="11" spans="1:18" s="1" customFormat="1" ht="15" customHeight="1" x14ac:dyDescent="0.3">
      <c r="B11" s="13" t="s">
        <v>40</v>
      </c>
      <c r="C11" s="13"/>
      <c r="D11" s="16" t="s">
        <v>41</v>
      </c>
    </row>
    <row r="12" spans="1:18" s="1" customFormat="1" ht="15" customHeight="1" x14ac:dyDescent="0.3">
      <c r="G12" s="13"/>
      <c r="H12" s="13"/>
      <c r="I12" s="11"/>
      <c r="J12" s="11"/>
      <c r="K12" s="11"/>
    </row>
    <row r="13" spans="1:18" ht="15" customHeight="1" x14ac:dyDescent="0.3">
      <c r="A13" s="1"/>
      <c r="B13" s="15" t="s">
        <v>42</v>
      </c>
      <c r="C13" s="13"/>
      <c r="D13" s="10"/>
      <c r="E13" s="17"/>
      <c r="F13" s="17"/>
      <c r="G13" s="13"/>
      <c r="H13" s="13"/>
      <c r="I13" s="11"/>
      <c r="J13" s="11"/>
      <c r="K13" s="11"/>
      <c r="L13" s="1"/>
    </row>
    <row r="14" spans="1:18" s="1" customFormat="1" ht="15" customHeight="1" x14ac:dyDescent="0.3">
      <c r="B14" s="2" t="s">
        <v>43</v>
      </c>
      <c r="C14" s="2"/>
      <c r="D14" s="5" t="s">
        <v>44</v>
      </c>
    </row>
    <row r="15" spans="1:18" s="1" customFormat="1" ht="15" customHeight="1" x14ac:dyDescent="0.3">
      <c r="B15" s="2" t="s">
        <v>45</v>
      </c>
      <c r="C15" s="2"/>
      <c r="D15" s="5" t="s">
        <v>46</v>
      </c>
      <c r="E15" s="5"/>
      <c r="F15" s="10"/>
    </row>
    <row r="16" spans="1:18" s="1" customFormat="1" ht="15" customHeight="1" x14ac:dyDescent="0.3">
      <c r="B16" s="13" t="s">
        <v>47</v>
      </c>
      <c r="D16" s="10" t="s">
        <v>48</v>
      </c>
      <c r="E16" s="11"/>
      <c r="F16" s="11"/>
      <c r="G16" s="13"/>
      <c r="H16" s="13"/>
      <c r="I16" s="16"/>
      <c r="J16" s="10"/>
      <c r="K16" s="10"/>
    </row>
    <row r="17" spans="1:12" ht="13" x14ac:dyDescent="0.3">
      <c r="A17" s="1"/>
      <c r="B17" s="35" t="s">
        <v>49</v>
      </c>
      <c r="C17" s="35"/>
      <c r="D17" s="39" t="s">
        <v>50</v>
      </c>
      <c r="E17" s="36"/>
      <c r="F17" s="36"/>
      <c r="G17" s="13"/>
      <c r="H17" s="13"/>
      <c r="I17" s="16"/>
      <c r="J17" s="10"/>
      <c r="K17" s="10"/>
      <c r="L17" s="1"/>
    </row>
    <row r="18" spans="1:12" ht="13" x14ac:dyDescent="0.3">
      <c r="A18" s="1"/>
      <c r="B18" s="35" t="s">
        <v>51</v>
      </c>
      <c r="C18" s="35"/>
      <c r="D18" s="16" t="s">
        <v>52</v>
      </c>
      <c r="E18" s="10"/>
      <c r="F18" s="10"/>
      <c r="G18" s="13"/>
      <c r="H18" s="13"/>
      <c r="I18" s="16"/>
      <c r="J18" s="10"/>
      <c r="K18" s="10"/>
      <c r="L18" s="1"/>
    </row>
    <row r="19" spans="1:12" ht="13" x14ac:dyDescent="0.3">
      <c r="A19" s="1"/>
      <c r="B19" s="1"/>
      <c r="C19" s="1"/>
      <c r="D19" s="1"/>
      <c r="E19" s="5"/>
      <c r="F19" s="5"/>
      <c r="L19" s="3"/>
    </row>
    <row r="20" spans="1:12" ht="14.5" x14ac:dyDescent="0.3">
      <c r="B20" s="15" t="s">
        <v>53</v>
      </c>
      <c r="G20" s="2"/>
      <c r="H20" s="2"/>
      <c r="I20" s="5"/>
      <c r="J20" s="6"/>
      <c r="K20" s="6"/>
    </row>
    <row r="21" spans="1:12" ht="13" x14ac:dyDescent="0.3">
      <c r="A21" s="1"/>
      <c r="B21" s="2" t="s">
        <v>54</v>
      </c>
      <c r="C21" s="2"/>
      <c r="D21" s="18" t="s">
        <v>55</v>
      </c>
      <c r="E21" s="5"/>
      <c r="F21" s="5"/>
      <c r="G21" s="7"/>
      <c r="H21" s="7"/>
      <c r="I21" s="10"/>
      <c r="J21" s="10"/>
      <c r="K21" s="1"/>
      <c r="L21" s="1"/>
    </row>
    <row r="22" spans="1:12" ht="13" x14ac:dyDescent="0.3">
      <c r="A22" s="1"/>
      <c r="B22" s="2" t="s">
        <v>56</v>
      </c>
      <c r="C22" s="2"/>
      <c r="D22" s="18" t="s">
        <v>57</v>
      </c>
      <c r="E22" s="5"/>
      <c r="F22" s="6"/>
      <c r="G22" s="7"/>
      <c r="H22" s="7"/>
      <c r="I22" s="10"/>
      <c r="J22" s="10"/>
      <c r="K22" s="1"/>
      <c r="L22" s="1"/>
    </row>
    <row r="23" spans="1:12" ht="13" x14ac:dyDescent="0.3">
      <c r="A23" s="1"/>
      <c r="D23" s="9"/>
      <c r="E23" s="9"/>
      <c r="F23" s="6"/>
      <c r="G23" s="9"/>
      <c r="H23" s="9"/>
      <c r="I23" s="9"/>
      <c r="J23" s="9"/>
      <c r="K23" s="9"/>
      <c r="L23" s="1"/>
    </row>
    <row r="24" spans="1:12" ht="14.5" x14ac:dyDescent="0.35">
      <c r="B24" s="19" t="s">
        <v>107</v>
      </c>
      <c r="E24" s="19" t="s">
        <v>108</v>
      </c>
      <c r="F24" s="9"/>
    </row>
    <row r="25" spans="1:12" ht="13" x14ac:dyDescent="0.3">
      <c r="B25" s="2" t="s">
        <v>58</v>
      </c>
      <c r="C25" s="20" t="s">
        <v>59</v>
      </c>
      <c r="E25" s="2" t="s">
        <v>58</v>
      </c>
      <c r="F25" s="20" t="s">
        <v>60</v>
      </c>
    </row>
    <row r="26" spans="1:12" ht="13" x14ac:dyDescent="0.3">
      <c r="B26" s="2" t="s">
        <v>61</v>
      </c>
      <c r="C26" s="20" t="s">
        <v>62</v>
      </c>
      <c r="E26" s="2" t="s">
        <v>61</v>
      </c>
      <c r="F26" s="20" t="s">
        <v>63</v>
      </c>
    </row>
    <row r="27" spans="1:12" ht="13" x14ac:dyDescent="0.3">
      <c r="B27" s="2" t="s">
        <v>64</v>
      </c>
      <c r="C27" s="20" t="s">
        <v>65</v>
      </c>
      <c r="E27" s="2" t="s">
        <v>64</v>
      </c>
      <c r="F27" s="20" t="s">
        <v>66</v>
      </c>
    </row>
    <row r="28" spans="1:12" ht="13" hidden="1" x14ac:dyDescent="0.3">
      <c r="B28" s="2" t="s">
        <v>67</v>
      </c>
      <c r="C28" s="20" t="s">
        <v>68</v>
      </c>
      <c r="E28" s="2" t="s">
        <v>67</v>
      </c>
      <c r="F28" s="20" t="s">
        <v>68</v>
      </c>
    </row>
    <row r="29" spans="1:12" ht="13" hidden="1" x14ac:dyDescent="0.3">
      <c r="B29" s="2" t="s">
        <v>69</v>
      </c>
      <c r="C29" s="22" t="s">
        <v>70</v>
      </c>
      <c r="E29" s="2" t="s">
        <v>69</v>
      </c>
      <c r="F29" s="22" t="s">
        <v>70</v>
      </c>
    </row>
    <row r="30" spans="1:12" ht="13" hidden="1" x14ac:dyDescent="0.3">
      <c r="B30" s="2" t="s">
        <v>71</v>
      </c>
      <c r="C30" s="22" t="s">
        <v>72</v>
      </c>
      <c r="E30" s="2" t="s">
        <v>71</v>
      </c>
      <c r="F30" s="22" t="s">
        <v>73</v>
      </c>
    </row>
    <row r="31" spans="1:12" ht="13" hidden="1" x14ac:dyDescent="0.3">
      <c r="B31" s="2" t="s">
        <v>74</v>
      </c>
      <c r="C31" s="22" t="s">
        <v>75</v>
      </c>
      <c r="E31" s="2" t="s">
        <v>74</v>
      </c>
      <c r="F31" s="22" t="s">
        <v>75</v>
      </c>
    </row>
    <row r="32" spans="1:12" ht="13" hidden="1" x14ac:dyDescent="0.3">
      <c r="B32" s="2" t="s">
        <v>76</v>
      </c>
      <c r="C32" s="22" t="s">
        <v>77</v>
      </c>
      <c r="E32" s="2" t="s">
        <v>76</v>
      </c>
      <c r="F32" s="22" t="s">
        <v>78</v>
      </c>
    </row>
    <row r="33" spans="2:6" ht="13" hidden="1" x14ac:dyDescent="0.3">
      <c r="B33" s="2" t="s">
        <v>79</v>
      </c>
      <c r="C33" s="22" t="s">
        <v>80</v>
      </c>
      <c r="E33" s="2" t="s">
        <v>79</v>
      </c>
      <c r="F33" s="22" t="s">
        <v>81</v>
      </c>
    </row>
    <row r="34" spans="2:6" ht="13" hidden="1" x14ac:dyDescent="0.3">
      <c r="B34" s="2" t="s">
        <v>82</v>
      </c>
      <c r="C34" s="22" t="s">
        <v>83</v>
      </c>
      <c r="E34" s="2" t="s">
        <v>82</v>
      </c>
      <c r="F34" s="22" t="s">
        <v>84</v>
      </c>
    </row>
    <row r="35" spans="2:6" ht="13" hidden="1" x14ac:dyDescent="0.3">
      <c r="B35" s="2" t="s">
        <v>85</v>
      </c>
      <c r="C35" s="22" t="s">
        <v>86</v>
      </c>
      <c r="E35" s="2" t="s">
        <v>85</v>
      </c>
      <c r="F35" s="22" t="s">
        <v>87</v>
      </c>
    </row>
    <row r="36" spans="2:6" ht="13" hidden="1" x14ac:dyDescent="0.3">
      <c r="B36" s="2" t="s">
        <v>88</v>
      </c>
      <c r="C36" s="23" t="s">
        <v>89</v>
      </c>
      <c r="E36" s="2" t="s">
        <v>88</v>
      </c>
      <c r="F36" s="23" t="s">
        <v>90</v>
      </c>
    </row>
    <row r="37" spans="2:6" ht="13" hidden="1" x14ac:dyDescent="0.3">
      <c r="B37" s="2" t="s">
        <v>91</v>
      </c>
      <c r="C37" s="23" t="s">
        <v>92</v>
      </c>
      <c r="E37" s="2" t="s">
        <v>91</v>
      </c>
      <c r="F37" s="23" t="s">
        <v>92</v>
      </c>
    </row>
    <row r="38" spans="2:6" ht="13" hidden="1" x14ac:dyDescent="0.3">
      <c r="B38" s="2" t="s">
        <v>93</v>
      </c>
      <c r="C38" s="23" t="s">
        <v>94</v>
      </c>
      <c r="E38" s="2" t="s">
        <v>93</v>
      </c>
      <c r="F38" s="23" t="s">
        <v>94</v>
      </c>
    </row>
    <row r="39" spans="2:6" ht="13" hidden="1" x14ac:dyDescent="0.3">
      <c r="B39" s="2" t="s">
        <v>95</v>
      </c>
      <c r="C39" s="23" t="s">
        <v>96</v>
      </c>
      <c r="E39" s="2" t="s">
        <v>95</v>
      </c>
      <c r="F39" s="23" t="s">
        <v>97</v>
      </c>
    </row>
    <row r="40" spans="2:6" ht="13" hidden="1" x14ac:dyDescent="0.3">
      <c r="B40" s="2" t="s">
        <v>98</v>
      </c>
      <c r="C40" s="22" t="s">
        <v>99</v>
      </c>
      <c r="E40" s="2" t="s">
        <v>98</v>
      </c>
      <c r="F40" s="22" t="s">
        <v>62</v>
      </c>
    </row>
    <row r="41" spans="2:6" ht="13" hidden="1" x14ac:dyDescent="0.3">
      <c r="B41" s="2" t="s">
        <v>100</v>
      </c>
      <c r="C41" s="23" t="s">
        <v>101</v>
      </c>
      <c r="E41" s="2" t="s">
        <v>100</v>
      </c>
      <c r="F41" s="23" t="s">
        <v>102</v>
      </c>
    </row>
    <row r="42" spans="2:6" ht="13" x14ac:dyDescent="0.3">
      <c r="B42" s="2" t="s">
        <v>103</v>
      </c>
      <c r="C42" s="23" t="s">
        <v>104</v>
      </c>
      <c r="E42" s="2" t="s">
        <v>103</v>
      </c>
      <c r="F42" s="23" t="s">
        <v>104</v>
      </c>
    </row>
    <row r="43" spans="2:6" ht="13" x14ac:dyDescent="0.3">
      <c r="B43" s="2" t="s">
        <v>105</v>
      </c>
      <c r="C43" s="22" t="s">
        <v>106</v>
      </c>
      <c r="E43" s="2" t="s">
        <v>105</v>
      </c>
      <c r="F43" s="22" t="s">
        <v>106</v>
      </c>
    </row>
    <row r="821" spans="25:25" x14ac:dyDescent="0.25">
      <c r="Y821" s="4"/>
    </row>
  </sheetData>
  <sheetProtection autoFilter="0"/>
  <mergeCells count="12">
    <mergeCell ref="A4:R4"/>
    <mergeCell ref="B18:C18"/>
    <mergeCell ref="B7:C7"/>
    <mergeCell ref="D7:F7"/>
    <mergeCell ref="B8:C8"/>
    <mergeCell ref="D8:F8"/>
    <mergeCell ref="B9:C9"/>
    <mergeCell ref="D9:F9"/>
    <mergeCell ref="B10:C10"/>
    <mergeCell ref="D10:F10"/>
    <mergeCell ref="B17:C17"/>
    <mergeCell ref="D17:F17"/>
  </mergeCells>
  <pageMargins left="0.47244094488189003" right="0.47244094488189003" top="0.74803149606299202" bottom="0.74803149606299202" header="0.31496062992126" footer="0.31496062992126"/>
  <pageSetup paperSize="5" scale="83" orientation="portrait"/>
  <headerFooter alignWithMargins="0">
    <oddFooter>&amp;L&amp;F  
Tab: FGT&amp;A&amp;CPrinted: &amp;D &amp;T&amp;RPage &amp;P of &amp;N</oddFooter>
  </headerFooter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2:R32"/>
  <sheetViews>
    <sheetView showGridLines="0" zoomScale="80" zoomScaleNormal="80" workbookViewId="0"/>
  </sheetViews>
  <sheetFormatPr defaultRowHeight="12.5" x14ac:dyDescent="0.25"/>
  <cols>
    <col min="1" max="1" width="17" customWidth="1"/>
    <col min="2" max="2" width="23.08984375" customWidth="1"/>
    <col min="3" max="3" width="24" customWidth="1"/>
    <col min="4" max="4" width="18.90625" customWidth="1"/>
    <col min="5" max="5" width="25.54296875" customWidth="1"/>
    <col min="6" max="6" width="20.36328125" bestFit="1" customWidth="1"/>
    <col min="7" max="7" width="16.54296875" customWidth="1"/>
    <col min="8" max="9" width="10.08984375" customWidth="1"/>
    <col min="10" max="10" width="17" customWidth="1"/>
    <col min="11" max="11" width="18.453125" customWidth="1"/>
    <col min="12" max="12" width="14.36328125" customWidth="1"/>
    <col min="13" max="13" width="16.90625" customWidth="1"/>
    <col min="14" max="14" width="15.453125" customWidth="1"/>
    <col min="15" max="15" width="16.90625" customWidth="1"/>
    <col min="16" max="16" width="14" customWidth="1"/>
    <col min="17" max="17" width="19.453125" customWidth="1"/>
    <col min="18" max="18" width="20" customWidth="1"/>
  </cols>
  <sheetData>
    <row r="2" spans="1:18" ht="22.5" x14ac:dyDescent="0.45">
      <c r="A2" s="12"/>
    </row>
    <row r="3" spans="1:18" ht="18" customHeight="1" x14ac:dyDescent="0.25"/>
    <row r="4" spans="1:18" ht="15" customHeight="1" x14ac:dyDescent="0.25">
      <c r="A4" s="34"/>
      <c r="B4" s="34" t="s">
        <v>0</v>
      </c>
      <c r="C4" s="34" t="s">
        <v>0</v>
      </c>
      <c r="D4" s="34" t="s">
        <v>0</v>
      </c>
      <c r="E4" s="34" t="s">
        <v>0</v>
      </c>
      <c r="F4" s="34" t="s">
        <v>0</v>
      </c>
      <c r="G4" s="34" t="s">
        <v>0</v>
      </c>
      <c r="H4" s="34" t="s">
        <v>0</v>
      </c>
      <c r="I4" s="34" t="s">
        <v>0</v>
      </c>
      <c r="J4" s="34" t="s">
        <v>0</v>
      </c>
      <c r="K4" s="34" t="s">
        <v>0</v>
      </c>
      <c r="L4" s="34" t="s">
        <v>0</v>
      </c>
      <c r="M4" s="34" t="s">
        <v>0</v>
      </c>
      <c r="N4" s="34" t="s">
        <v>0</v>
      </c>
      <c r="O4" s="34" t="s">
        <v>0</v>
      </c>
      <c r="P4" s="34" t="s">
        <v>0</v>
      </c>
      <c r="Q4" s="34" t="s">
        <v>0</v>
      </c>
      <c r="R4" s="34" t="s">
        <v>0</v>
      </c>
    </row>
    <row r="5" spans="1:18" ht="18" customHeight="1" x14ac:dyDescent="0.4">
      <c r="A5" s="27" t="s">
        <v>1</v>
      </c>
    </row>
    <row r="6" spans="1:18" s="21" customFormat="1" ht="13" x14ac:dyDescent="0.25">
      <c r="A6" s="28" t="s">
        <v>2</v>
      </c>
      <c r="B6" s="28" t="s">
        <v>3</v>
      </c>
      <c r="C6" s="28" t="s">
        <v>4</v>
      </c>
      <c r="D6" s="28" t="s">
        <v>5</v>
      </c>
      <c r="E6" s="28" t="s">
        <v>6</v>
      </c>
      <c r="F6" s="28" t="s">
        <v>7</v>
      </c>
      <c r="G6" s="28" t="s">
        <v>8</v>
      </c>
      <c r="H6" s="28" t="s">
        <v>9</v>
      </c>
      <c r="I6" s="28" t="s">
        <v>10</v>
      </c>
      <c r="J6" s="28" t="s">
        <v>11</v>
      </c>
      <c r="K6" s="28" t="s">
        <v>12</v>
      </c>
      <c r="L6" s="28" t="s">
        <v>13</v>
      </c>
    </row>
    <row r="7" spans="1:18" x14ac:dyDescent="0.25">
      <c r="A7" s="29" t="s">
        <v>14</v>
      </c>
      <c r="B7" s="30">
        <v>44562</v>
      </c>
      <c r="C7" s="30"/>
      <c r="D7" s="30">
        <v>44287</v>
      </c>
      <c r="E7" s="31">
        <v>3696.460904</v>
      </c>
      <c r="F7" s="31">
        <v>100</v>
      </c>
      <c r="G7" s="31">
        <v>341.68148100000002</v>
      </c>
      <c r="H7" s="31">
        <v>0</v>
      </c>
      <c r="I7" s="31">
        <v>0</v>
      </c>
      <c r="J7" s="31">
        <v>4138.1423850000001</v>
      </c>
      <c r="K7" s="31">
        <v>0</v>
      </c>
      <c r="L7" s="31">
        <v>4138.1423850000001</v>
      </c>
    </row>
    <row r="9" spans="1:18" ht="20" x14ac:dyDescent="0.4">
      <c r="A9" s="27" t="s">
        <v>15</v>
      </c>
    </row>
    <row r="10" spans="1:18" ht="13" x14ac:dyDescent="0.3">
      <c r="A10" s="32" t="s">
        <v>2</v>
      </c>
      <c r="B10" s="32" t="s">
        <v>3</v>
      </c>
      <c r="C10" s="32" t="s">
        <v>4</v>
      </c>
      <c r="D10" s="32" t="s">
        <v>5</v>
      </c>
      <c r="E10" s="32" t="s">
        <v>6</v>
      </c>
      <c r="F10" s="32" t="s">
        <v>7</v>
      </c>
      <c r="G10" s="32" t="s">
        <v>8</v>
      </c>
      <c r="H10" s="32" t="s">
        <v>9</v>
      </c>
      <c r="I10" s="32" t="s">
        <v>10</v>
      </c>
      <c r="J10" s="32" t="s">
        <v>11</v>
      </c>
      <c r="K10" s="32" t="s">
        <v>12</v>
      </c>
      <c r="L10" s="32" t="s">
        <v>13</v>
      </c>
      <c r="M10" s="32" t="s">
        <v>16</v>
      </c>
      <c r="N10" s="32" t="s">
        <v>17</v>
      </c>
      <c r="O10" s="32" t="s">
        <v>18</v>
      </c>
      <c r="P10" s="32" t="s">
        <v>19</v>
      </c>
      <c r="Q10" s="32" t="s">
        <v>20</v>
      </c>
      <c r="R10" s="32" t="s">
        <v>21</v>
      </c>
    </row>
    <row r="11" spans="1:18" x14ac:dyDescent="0.25">
      <c r="A11" s="29" t="s">
        <v>14</v>
      </c>
      <c r="B11" s="30">
        <v>44652</v>
      </c>
      <c r="C11" s="30"/>
      <c r="D11" s="30">
        <v>44652</v>
      </c>
      <c r="E11" s="31">
        <v>189.34531999999999</v>
      </c>
      <c r="F11" s="31">
        <v>0</v>
      </c>
      <c r="G11" s="31">
        <v>17.041079</v>
      </c>
      <c r="H11" s="31">
        <v>0</v>
      </c>
      <c r="I11" s="31">
        <v>0</v>
      </c>
      <c r="J11" s="31">
        <v>206.38639900000001</v>
      </c>
      <c r="K11" s="31">
        <v>0</v>
      </c>
      <c r="L11" s="31">
        <v>206.38639900000001</v>
      </c>
      <c r="M11" s="29" t="s">
        <v>22</v>
      </c>
      <c r="N11" s="31">
        <v>0</v>
      </c>
      <c r="O11" s="31">
        <v>0</v>
      </c>
      <c r="P11" s="31">
        <v>0</v>
      </c>
      <c r="Q11" s="31">
        <v>123.359876</v>
      </c>
      <c r="R11" s="31">
        <v>83.026522999999997</v>
      </c>
    </row>
    <row r="13" spans="1:18" ht="20" x14ac:dyDescent="0.4">
      <c r="A13" s="27" t="s">
        <v>23</v>
      </c>
    </row>
    <row r="14" spans="1:18" ht="13" x14ac:dyDescent="0.3">
      <c r="A14" s="32" t="s">
        <v>2</v>
      </c>
      <c r="B14" s="32" t="s">
        <v>3</v>
      </c>
      <c r="C14" s="32" t="s">
        <v>4</v>
      </c>
      <c r="D14" s="32" t="s">
        <v>5</v>
      </c>
      <c r="E14" s="32" t="s">
        <v>6</v>
      </c>
      <c r="F14" s="32" t="s">
        <v>7</v>
      </c>
      <c r="G14" s="32" t="s">
        <v>8</v>
      </c>
      <c r="H14" s="32" t="s">
        <v>9</v>
      </c>
      <c r="I14" s="32" t="s">
        <v>10</v>
      </c>
      <c r="J14" s="32" t="s">
        <v>11</v>
      </c>
      <c r="K14" s="32" t="s">
        <v>12</v>
      </c>
      <c r="L14" s="32" t="s">
        <v>13</v>
      </c>
    </row>
    <row r="15" spans="1:18" x14ac:dyDescent="0.25">
      <c r="A15" s="29" t="s">
        <v>14</v>
      </c>
      <c r="B15" s="30">
        <v>44652</v>
      </c>
      <c r="C15" s="30"/>
      <c r="D15" s="30">
        <v>44652</v>
      </c>
      <c r="E15" s="31">
        <v>3885.8062239999999</v>
      </c>
      <c r="F15" s="31">
        <v>100</v>
      </c>
      <c r="G15" s="31">
        <v>358.72255999999999</v>
      </c>
      <c r="H15" s="31">
        <v>0</v>
      </c>
      <c r="I15" s="31">
        <v>0</v>
      </c>
      <c r="J15" s="31">
        <v>4344.5287840000001</v>
      </c>
      <c r="K15" s="31">
        <v>0</v>
      </c>
      <c r="L15" s="31">
        <v>4344.5287840000001</v>
      </c>
    </row>
    <row r="17" spans="1:11" ht="15.5" x14ac:dyDescent="0.35">
      <c r="A17" s="33" t="s">
        <v>24</v>
      </c>
      <c r="C17" s="30">
        <v>44652</v>
      </c>
      <c r="K17" t="s">
        <v>25</v>
      </c>
    </row>
    <row r="18" spans="1:11" x14ac:dyDescent="0.25">
      <c r="K18" t="s">
        <v>26</v>
      </c>
    </row>
    <row r="19" spans="1:11" ht="15.5" x14ac:dyDescent="0.35">
      <c r="A19" s="33" t="s">
        <v>27</v>
      </c>
      <c r="C19" s="31">
        <v>206.38639900000001</v>
      </c>
      <c r="K19" t="s">
        <v>28</v>
      </c>
    </row>
    <row r="20" spans="1:11" x14ac:dyDescent="0.25">
      <c r="K20" t="s">
        <v>29</v>
      </c>
    </row>
    <row r="21" spans="1:11" ht="15.5" x14ac:dyDescent="0.35">
      <c r="A21" s="33" t="s">
        <v>30</v>
      </c>
      <c r="C21" s="31"/>
    </row>
    <row r="27" spans="1:11" ht="19.5" customHeight="1" x14ac:dyDescent="0.25"/>
    <row r="31" spans="1:11" ht="12.75" customHeight="1" x14ac:dyDescent="0.25"/>
    <row r="32" spans="1:11" x14ac:dyDescent="0.25">
      <c r="A32" s="8"/>
      <c r="B32" s="8"/>
    </row>
  </sheetData>
  <mergeCells count="1">
    <mergeCell ref="A4:R4"/>
  </mergeCells>
  <pageMargins left="0.7" right="0.7" top="0.75" bottom="0.75" header="0.3" footer="0.3"/>
  <pageSetup orientation="portrait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Header</vt:lpstr>
      <vt:lpstr>Summary</vt:lpstr>
      <vt:lpstr>Header!Print_Area</vt:lpstr>
    </vt:vector>
  </TitlesOfParts>
  <Company>Province of British Columbi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leksii Prosiankin</dc:creator>
  <cp:lastModifiedBy>Serraf, Joanne CLBC:EX</cp:lastModifiedBy>
  <cp:lastPrinted>2014-02-04T23:51:42Z</cp:lastPrinted>
  <dcterms:created xsi:type="dcterms:W3CDTF">2007-02-20T16:37:34Z</dcterms:created>
  <dcterms:modified xsi:type="dcterms:W3CDTF">2023-03-03T19:46:04Z</dcterms:modified>
</cp:coreProperties>
</file>